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12192000" cy="6858000"/>
  <p:notesSz cx="9926638" cy="14355763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3EEB0"/>
    <a:srgbClr val="F35F6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7" autoAdjust="0"/>
    <p:restoredTop sz="94660"/>
  </p:normalViewPr>
  <p:slideViewPr>
    <p:cSldViewPr snapToGrid="0">
      <p:cViewPr varScale="1">
        <p:scale>
          <a:sx n="63" d="100"/>
          <a:sy n="63" d="100"/>
        </p:scale>
        <p:origin x="764" y="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C4C048-8D62-4B21-A0D8-FC8D8F2B466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1C66610-6483-4C85-A3AD-152B6E9DB0A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353424B-2570-4BEA-83C4-C43C59EFE3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008CD6-2732-4BCC-A5BC-8A69A4A6C9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7387386-4823-4751-BC8E-C834957594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5609491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949F7C-739D-4466-8BFB-CD4D5DA94A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E4272C5-A2DF-477F-964C-7D471FB4454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595D5B-97AC-4ECC-8D41-5F4F481752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82785E-EEC1-4CCC-9D64-A5E77D9E5E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DA67DED-98E1-4413-8C50-6B5E109184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122957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7F2C75E-FEE8-4B43-AC11-D2A146007B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2468615-FB8C-4DA9-B286-CD7C382D826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2FDEED-5EC5-4CCC-B21C-7A1049128B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4F02BEC-94BA-4E26-B5C8-44AAE0214D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AC8958A-BBE5-4BFD-90F9-A56FC7B00C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4299792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11E7BB-1364-4B59-8217-78DC0B4F7A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7C597A8-50AE-402D-96D3-02853EAF4E8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888FF8-B015-4467-877F-1D6E41270A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95CE3AC-543A-4ED8-AA8E-D841CA411E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BD271C-E9C0-4B1C-BFA1-AB8BC926B0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308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EDC4C5-C1C6-4FBB-918C-3A45B3BCA7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E8238DF-DABD-440A-ADB7-B1DEEB44E7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774C9A7-06B8-499C-BD9B-F65DEB8B9E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FCFF9B3-C38B-491A-A2F9-180246CA31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EB846C8-87F0-4EAF-A9E3-BE5D907039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995567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D2F56CA-788D-446C-ABDB-B23ABDC5CF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191E7D3-5286-40F9-9F6D-34CFE3DC83F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72C6503-9FC3-4008-BFC0-9EC3B9058B1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A899F7B-9F52-4FC2-B22F-0E9B9CE4E6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561C0F9-5819-4935-AC7D-33438B6768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260F04B-18B4-4FE2-889B-FC0F50A7C9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811135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634339-387D-46E1-B956-554016F850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C147358-0CF5-44F7-908E-6D1A091D2EB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C8D7541-E3F1-4FAC-B054-949162FD8D5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E34D97C-FD71-4157-A2B3-F0E15A340F5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361BA4F-3AE7-4041-880B-0810745681D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431212B-6B52-410F-8E40-9C663CD7AC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DB90279-8968-47A7-9336-F748C05816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28306D5-3B7C-4DB8-BC9E-4DB0B02301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940315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11C1D5-928C-459F-B788-5203E40892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BF76D43-5AA0-473F-9654-67BA26E9E8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7F13ACF-3598-428F-87F3-F8DF827D8D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87949CB-76BF-4A53-AD01-4193310580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203105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6EF2137-E6C3-40D7-B7FB-7EEDD1ECA2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6D5B646-D2B9-4E12-89A6-89353BE25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E69529-5F12-417E-82C9-42DC2B3C22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075924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F95D46-E437-45F7-AFA3-8C50F382CD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CFE4439-EF9D-49A2-B04A-59AD415ED4F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B594E37-F01A-43DA-B3F3-A88F3E03D87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9928CAF-267B-4555-B9C5-5008C0A020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DA3075-2B4C-43A4-AEC8-F9772392CF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D357F4F-3E7F-4D28-ADBA-A1845ECFF5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7978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C8689F-5764-420C-B993-9CABD4CC01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4DB5B90-3F6E-4812-BCC7-AB3216B5420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EF12661-8BA3-47F9-AA27-1AE6993F08B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0B7BA7-E6BF-4014-ACBA-A94729C802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F2C6468-F820-49D6-AF3B-1EBD460316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226C6A8-5CEA-49C6-8883-880CD7FEF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577060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159122D-CDA2-4B43-B824-E5679104DA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6BE7F5A-63F9-44A3-8F8B-829FFBE9BA2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372B7D-AB7C-4BEF-8592-223EE8809B1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8E471D2-0CBE-4DF4-97BB-F0EE27FC9C5A}" type="datetimeFigureOut">
              <a:rPr lang="en-GB" smtClean="0"/>
              <a:t>31/01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B4175D-B106-4031-B4AF-7CC602C456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B737A7-93B7-4542-9CBF-9A19603F3AE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6BD379A-9F78-47EE-9C28-89898B82A1D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08508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861" name="OTLSHAPE_T_52d9d16ff332406b92446666454f309b_HorizontalConnector1">
            <a:extLst>
              <a:ext uri="{FF2B5EF4-FFF2-40B4-BE49-F238E27FC236}">
                <a16:creationId xmlns:a16="http://schemas.microsoft.com/office/drawing/2014/main" id="{B5BE430B-D2F4-4719-A7AE-E555D9AF5918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489074" y="5113655"/>
            <a:ext cx="572266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0" name="OTLSHAPE_T_d163595b6d7e4b6c92c5aa8f18c6fcdf_HorizontalConnector1">
            <a:extLst>
              <a:ext uri="{FF2B5EF4-FFF2-40B4-BE49-F238E27FC236}">
                <a16:creationId xmlns:a16="http://schemas.microsoft.com/office/drawing/2014/main" id="{EE1A3071-DABB-4187-8C63-2466E00074CE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3187023" y="4846955"/>
            <a:ext cx="228492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9" name="OTLSHAPE_T_82dd0b459c2044eab2b6300bf882d09c_HorizontalConnector1">
            <a:extLst>
              <a:ext uri="{FF2B5EF4-FFF2-40B4-BE49-F238E27FC236}">
                <a16:creationId xmlns:a16="http://schemas.microsoft.com/office/drawing/2014/main" id="{79AF2DDA-5C79-42CD-B653-C1DB9D6561F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87629" y="4580255"/>
            <a:ext cx="408174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8" name="OTLSHAPE_T_b394a94b79244a1b95b79ac7b769bcc1_HorizontalConnector1">
            <a:extLst>
              <a:ext uri="{FF2B5EF4-FFF2-40B4-BE49-F238E27FC236}">
                <a16:creationId xmlns:a16="http://schemas.microsoft.com/office/drawing/2014/main" id="{EF7FACCD-3C6F-4E2A-B8F7-D110EB8DABA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187661" y="4313555"/>
            <a:ext cx="95599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7" name="OTLSHAPE_T_2b128eada6ab460590fd16f8ba9125b3_HorizontalConnector1">
            <a:extLst>
              <a:ext uri="{FF2B5EF4-FFF2-40B4-BE49-F238E27FC236}">
                <a16:creationId xmlns:a16="http://schemas.microsoft.com/office/drawing/2014/main" id="{3D5924A0-973D-4293-8E39-B0039E8755A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 flipH="1">
            <a:off x="1425045" y="4046855"/>
            <a:ext cx="152664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6" name="OTLSHAPE_M_35647127277948a7b7199d61560b6bd9_Connector1">
            <a:extLst>
              <a:ext uri="{FF2B5EF4-FFF2-40B4-BE49-F238E27FC236}">
                <a16:creationId xmlns:a16="http://schemas.microsoft.com/office/drawing/2014/main" id="{29910D58-CC87-4C54-96B9-988A81B16D5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000235" y="2605828"/>
            <a:ext cx="0" cy="442172"/>
          </a:xfrm>
          <a:prstGeom prst="line">
            <a:avLst/>
          </a:prstGeom>
          <a:ln w="9525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5" name="OTLSHAPE_M_c773380d83c14414acce047fccb027ef_Connector1">
            <a:extLst>
              <a:ext uri="{FF2B5EF4-FFF2-40B4-BE49-F238E27FC236}">
                <a16:creationId xmlns:a16="http://schemas.microsoft.com/office/drawing/2014/main" id="{001AAFF0-CA34-4E34-93BF-6C025A76DF0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735484" y="2153285"/>
            <a:ext cx="0" cy="89471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4" name="OTLSHAPE_M_ea8c596459514273ac9b865567e2bc51_Connector1">
            <a:extLst>
              <a:ext uri="{FF2B5EF4-FFF2-40B4-BE49-F238E27FC236}">
                <a16:creationId xmlns:a16="http://schemas.microsoft.com/office/drawing/2014/main" id="{CE453248-FBC1-472E-94F2-70E73B330A2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957873" y="2520569"/>
            <a:ext cx="0" cy="527431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3" name="OTLSHAPE_M_fdd9fd6d95724819a02a03e62a06a703_Connector2">
            <a:extLst>
              <a:ext uri="{FF2B5EF4-FFF2-40B4-BE49-F238E27FC236}">
                <a16:creationId xmlns:a16="http://schemas.microsoft.com/office/drawing/2014/main" id="{A5701782-9D97-41D2-A10D-DA6262C1F0F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314908" y="2664375"/>
            <a:ext cx="0" cy="38362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2" name="OTLSHAPE_M_fdd9fd6d95724819a02a03e62a06a703_Connector1">
            <a:extLst>
              <a:ext uri="{FF2B5EF4-FFF2-40B4-BE49-F238E27FC236}">
                <a16:creationId xmlns:a16="http://schemas.microsoft.com/office/drawing/2014/main" id="{ED32ABD4-26F0-4C25-9745-6E6B5358201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314908" y="1519766"/>
            <a:ext cx="0" cy="80357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1" name="OTLSHAPE_M_4affdcb7fa5a448aacd70da3aefe3510_Connector6">
            <a:extLst>
              <a:ext uri="{FF2B5EF4-FFF2-40B4-BE49-F238E27FC236}">
                <a16:creationId xmlns:a16="http://schemas.microsoft.com/office/drawing/2014/main" id="{A0428F78-09A1-4647-A25D-233D397BB80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050157" y="2664375"/>
            <a:ext cx="0" cy="383625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50" name="OTLSHAPE_M_4affdcb7fa5a448aacd70da3aefe3510_Connector5">
            <a:extLst>
              <a:ext uri="{FF2B5EF4-FFF2-40B4-BE49-F238E27FC236}">
                <a16:creationId xmlns:a16="http://schemas.microsoft.com/office/drawing/2014/main" id="{7E6DBFC7-F712-4941-AEAF-2BFCEB88511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8050157" y="1442720"/>
            <a:ext cx="0" cy="880618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9" name="OTLSHAPE_M_4affdcb7fa5a448aacd70da3aefe3510_Connector4">
            <a:extLst>
              <a:ext uri="{FF2B5EF4-FFF2-40B4-BE49-F238E27FC236}">
                <a16:creationId xmlns:a16="http://schemas.microsoft.com/office/drawing/2014/main" id="{81ACB514-AB6C-403B-920D-FC604FA6C8CC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050157" y="1274995"/>
            <a:ext cx="0" cy="1270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8" name="OTLSHAPE_M_4affdcb7fa5a448aacd70da3aefe3510_Connector3">
            <a:extLst>
              <a:ext uri="{FF2B5EF4-FFF2-40B4-BE49-F238E27FC236}">
                <a16:creationId xmlns:a16="http://schemas.microsoft.com/office/drawing/2014/main" id="{54AE8A99-A294-4C46-8B16-B844F546B62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050157" y="879144"/>
            <a:ext cx="0" cy="54814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7" name="OTLSHAPE_M_4affdcb7fa5a448aacd70da3aefe3510_Connector2">
            <a:extLst>
              <a:ext uri="{FF2B5EF4-FFF2-40B4-BE49-F238E27FC236}">
                <a16:creationId xmlns:a16="http://schemas.microsoft.com/office/drawing/2014/main" id="{492A9E4F-7DAE-4B10-B9AF-66792B6B91F6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8050157" y="711419"/>
            <a:ext cx="0" cy="1270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6" name="OTLSHAPE_M_4affdcb7fa5a448aacd70da3aefe3510_Connector1">
            <a:extLst>
              <a:ext uri="{FF2B5EF4-FFF2-40B4-BE49-F238E27FC236}">
                <a16:creationId xmlns:a16="http://schemas.microsoft.com/office/drawing/2014/main" id="{EDE0F552-3E39-4E37-8D8B-90A3833F3507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032760" y="420572"/>
            <a:ext cx="0" cy="34057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5" name="OTLSHAPE_M_db2e6603e49b45e680a4466e91a1bdb1_Connector2">
            <a:extLst>
              <a:ext uri="{FF2B5EF4-FFF2-40B4-BE49-F238E27FC236}">
                <a16:creationId xmlns:a16="http://schemas.microsoft.com/office/drawing/2014/main" id="{FD745DEB-D5D2-4583-A39D-A9CF9295083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785407" y="2664375"/>
            <a:ext cx="0" cy="383625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4" name="OTLSHAPE_M_db2e6603e49b45e680a4466e91a1bdb1_Connector1">
            <a:extLst>
              <a:ext uri="{FF2B5EF4-FFF2-40B4-BE49-F238E27FC236}">
                <a16:creationId xmlns:a16="http://schemas.microsoft.com/office/drawing/2014/main" id="{CE4B9F5A-90DA-4B84-9A9E-77BBB30AF244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785407" y="1131189"/>
            <a:ext cx="0" cy="1192149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3" name="OTLSHAPE_M_8402d3d32ec7439f84dc064dd2f072a6_Connector3">
            <a:extLst>
              <a:ext uri="{FF2B5EF4-FFF2-40B4-BE49-F238E27FC236}">
                <a16:creationId xmlns:a16="http://schemas.microsoft.com/office/drawing/2014/main" id="{7D6F1769-05BF-4482-B31C-D5CD17A8DB2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255906" y="2832100"/>
            <a:ext cx="0" cy="21590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2" name="OTLSHAPE_M_8402d3d32ec7439f84dc064dd2f072a6_Connector2">
            <a:extLst>
              <a:ext uri="{FF2B5EF4-FFF2-40B4-BE49-F238E27FC236}">
                <a16:creationId xmlns:a16="http://schemas.microsoft.com/office/drawing/2014/main" id="{377ED916-C9F7-40C6-8842-DDDDDC566A3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255906" y="2664375"/>
            <a:ext cx="0" cy="1270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1" name="OTLSHAPE_M_8402d3d32ec7439f84dc064dd2f072a6_Connector1">
            <a:extLst>
              <a:ext uri="{FF2B5EF4-FFF2-40B4-BE49-F238E27FC236}">
                <a16:creationId xmlns:a16="http://schemas.microsoft.com/office/drawing/2014/main" id="{97ABB493-2F0A-4EC8-B280-B2F9DDFCEE0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255906" y="652872"/>
            <a:ext cx="0" cy="1670466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40" name="OTLSHAPE_M_af914c6b855b4951b9d0445e0955f10c_Connector1">
            <a:extLst>
              <a:ext uri="{FF2B5EF4-FFF2-40B4-BE49-F238E27FC236}">
                <a16:creationId xmlns:a16="http://schemas.microsoft.com/office/drawing/2014/main" id="{05815134-D8E9-41C2-9AB7-240B5C423334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575119" y="2520569"/>
            <a:ext cx="0" cy="527431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9" name="OTLSHAPE_M_713532da350c4dfdb5fb07edc98793b8_Connector1">
            <a:extLst>
              <a:ext uri="{FF2B5EF4-FFF2-40B4-BE49-F238E27FC236}">
                <a16:creationId xmlns:a16="http://schemas.microsoft.com/office/drawing/2014/main" id="{B0C2A3FF-2ABC-40F9-A926-E68405BDEC13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516117" y="1547726"/>
            <a:ext cx="0" cy="1500274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8" name="OTLSHAPE_M_8b4103b30bcf4fa087ba74405aad136f_Connector1">
            <a:extLst>
              <a:ext uri="{FF2B5EF4-FFF2-40B4-BE49-F238E27FC236}">
                <a16:creationId xmlns:a16="http://schemas.microsoft.com/office/drawing/2014/main" id="{AB5D7145-535B-482C-B3BE-9FD62006674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213545" y="541281"/>
            <a:ext cx="0" cy="2506719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7" name="OTLSHAPE_M_6359ff6346744216a31441fe98eea96f_Connector1">
            <a:extLst>
              <a:ext uri="{FF2B5EF4-FFF2-40B4-BE49-F238E27FC236}">
                <a16:creationId xmlns:a16="http://schemas.microsoft.com/office/drawing/2014/main" id="{9DABEBF7-8C66-4181-97C9-837F84F6730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3814149" y="2350050"/>
            <a:ext cx="0" cy="69795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6" name="OTLSHAPE_M_aabdc7b1935747e7b2fddae2c79e8989_Connector1">
            <a:extLst>
              <a:ext uri="{FF2B5EF4-FFF2-40B4-BE49-F238E27FC236}">
                <a16:creationId xmlns:a16="http://schemas.microsoft.com/office/drawing/2014/main" id="{CD8F5168-18AB-4C92-B3DB-AA4ABD4B317B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2187825" y="2520569"/>
            <a:ext cx="0" cy="527431"/>
          </a:xfrm>
          <a:prstGeom prst="line">
            <a:avLst/>
          </a:prstGeom>
          <a:ln w="9525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35" name="OTLSHAPE_M_1ac61f3a4c30457081f57d2c82873939_Connector1">
            <a:extLst>
              <a:ext uri="{FF2B5EF4-FFF2-40B4-BE49-F238E27FC236}">
                <a16:creationId xmlns:a16="http://schemas.microsoft.com/office/drawing/2014/main" id="{1D5AF2A1-5FB5-441F-B2F9-D0E9953AF9D1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469216" y="1641729"/>
            <a:ext cx="0" cy="1406271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7" name="TextBox 606">
            <a:extLst>
              <a:ext uri="{FF2B5EF4-FFF2-40B4-BE49-F238E27FC236}">
                <a16:creationId xmlns:a16="http://schemas.microsoft.com/office/drawing/2014/main" id="{0BD74339-C3AE-4238-8873-6000299FEE1B}"/>
              </a:ext>
            </a:extLst>
          </p:cNvPr>
          <p:cNvSpPr txBox="1"/>
          <p:nvPr/>
        </p:nvSpPr>
        <p:spPr>
          <a:xfrm>
            <a:off x="574278" y="446144"/>
            <a:ext cx="3462121" cy="36933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en-GB" dirty="0"/>
              <a:t>Home to school travel - Key dates</a:t>
            </a:r>
            <a:endParaRPr lang="en-GB" sz="1400" dirty="0"/>
          </a:p>
        </p:txBody>
      </p:sp>
      <p:sp>
        <p:nvSpPr>
          <p:cNvPr id="3542" name="TextBox 3541">
            <a:extLst>
              <a:ext uri="{FF2B5EF4-FFF2-40B4-BE49-F238E27FC236}">
                <a16:creationId xmlns:a16="http://schemas.microsoft.com/office/drawing/2014/main" id="{D08934F7-E509-4D77-80D4-44DE7E2D971B}"/>
              </a:ext>
            </a:extLst>
          </p:cNvPr>
          <p:cNvSpPr txBox="1"/>
          <p:nvPr/>
        </p:nvSpPr>
        <p:spPr>
          <a:xfrm>
            <a:off x="9845811" y="6456611"/>
            <a:ext cx="234618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dirty="0"/>
              <a:t>Version 1: 9  January 2019</a:t>
            </a:r>
          </a:p>
        </p:txBody>
      </p:sp>
      <p:sp>
        <p:nvSpPr>
          <p:cNvPr id="3812" name="OTLSHAPE_TB_00000000000000000000000000000000_LeftEndCaps">
            <a:extLst>
              <a:ext uri="{FF2B5EF4-FFF2-40B4-BE49-F238E27FC236}">
                <a16:creationId xmlns:a16="http://schemas.microsoft.com/office/drawing/2014/main" id="{3C99E02F-5B55-473E-8C1C-A4532B041E1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813" name="OTLSHAPE_TB_00000000000000000000000000000000_RightEndCaps">
            <a:extLst>
              <a:ext uri="{FF2B5EF4-FFF2-40B4-BE49-F238E27FC236}">
                <a16:creationId xmlns:a16="http://schemas.microsoft.com/office/drawing/2014/main" id="{D397D3FE-0AC8-44B4-A2ED-59ED4857B4E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1411034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b="1" spc="-38">
                <a:solidFill>
                  <a:srgbClr val="C0504D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814" name="OTLSHAPE_TB_00000000000000000000000000000000_ScaleContainer">
            <a:extLst>
              <a:ext uri="{FF2B5EF4-FFF2-40B4-BE49-F238E27FC236}">
                <a16:creationId xmlns:a16="http://schemas.microsoft.com/office/drawing/2014/main" id="{565EF3C5-41EA-4ACB-9E1C-F04B9ADF912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15" name="OTLSHAPE_TB_00000000000000000000000000000000_ElapsedTime">
            <a:extLst>
              <a:ext uri="{FF2B5EF4-FFF2-40B4-BE49-F238E27FC236}">
                <a16:creationId xmlns:a16="http://schemas.microsoft.com/office/drawing/2014/main" id="{696905EE-321A-40F7-8AFF-A36B11D4709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33365" y="3352800"/>
            <a:ext cx="26416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16" name="OTLSHAPE_TB_00000000000000000000000000000000_TodayMarkerShape">
            <a:extLst>
              <a:ext uri="{FF2B5EF4-FFF2-40B4-BE49-F238E27FC236}">
                <a16:creationId xmlns:a16="http://schemas.microsoft.com/office/drawing/2014/main" id="{BE707784-11D8-42B5-AD4A-E93209BA133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517367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17" name="OTLSHAPE_TB_00000000000000000000000000000000_TodayMarkerText">
            <a:extLst>
              <a:ext uri="{FF2B5EF4-FFF2-40B4-BE49-F238E27FC236}">
                <a16:creationId xmlns:a16="http://schemas.microsoft.com/office/drawing/2014/main" id="{FF23D46B-211F-454B-AFFF-29B9EFB8BCAF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3391667" y="3556000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818" name="OTLSHAPE_TB_00000000000000000000000000000000_TimescaleInterval1">
            <a:extLst>
              <a:ext uri="{FF2B5EF4-FFF2-40B4-BE49-F238E27FC236}">
                <a16:creationId xmlns:a16="http://schemas.microsoft.com/office/drawing/2014/main" id="{0215F1DB-AABA-4E84-B99F-19B2B320691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96865" y="3145473"/>
            <a:ext cx="254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3819" name="OTLSHAPE_TB_00000000000000000000000000000000_Separator1">
            <a:extLst>
              <a:ext uri="{FF2B5EF4-FFF2-40B4-BE49-F238E27FC236}">
                <a16:creationId xmlns:a16="http://schemas.microsoft.com/office/drawing/2014/main" id="{8E7A3023-302D-45DA-8152-D1BC473339B9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06801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0" name="OTLSHAPE_TB_00000000000000000000000000000000_TimescaleInterval2">
            <a:extLst>
              <a:ext uri="{FF2B5EF4-FFF2-40B4-BE49-F238E27FC236}">
                <a16:creationId xmlns:a16="http://schemas.microsoft.com/office/drawing/2014/main" id="{1C2DD8D2-1D7C-45AE-87D4-374F9C997DA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131510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3821" name="OTLSHAPE_TB_00000000000000000000000000000000_Separator2">
            <a:extLst>
              <a:ext uri="{FF2B5EF4-FFF2-40B4-BE49-F238E27FC236}">
                <a16:creationId xmlns:a16="http://schemas.microsoft.com/office/drawing/2014/main" id="{0E495487-23A2-46C8-9956-958F4F6723C4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324047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2" name="OTLSHAPE_TB_00000000000000000000000000000000_TimescaleInterval3">
            <a:extLst>
              <a:ext uri="{FF2B5EF4-FFF2-40B4-BE49-F238E27FC236}">
                <a16:creationId xmlns:a16="http://schemas.microsoft.com/office/drawing/2014/main" id="{8D9549E9-7B98-4A36-873E-9BCAEB4C149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303977" y="31454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3823" name="OTLSHAPE_TB_00000000000000000000000000000000_Separator3">
            <a:extLst>
              <a:ext uri="{FF2B5EF4-FFF2-40B4-BE49-F238E27FC236}">
                <a16:creationId xmlns:a16="http://schemas.microsoft.com/office/drawing/2014/main" id="{D54DCA73-941C-4E87-AC01-0D2932E6B183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441294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4" name="OTLSHAPE_TB_00000000000000000000000000000000_TimescaleInterval4">
            <a:extLst>
              <a:ext uri="{FF2B5EF4-FFF2-40B4-BE49-F238E27FC236}">
                <a16:creationId xmlns:a16="http://schemas.microsoft.com/office/drawing/2014/main" id="{FED2B589-06CC-47A9-B17B-FE5C3E5BD1A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476443" y="3145473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3825" name="OTLSHAPE_TB_00000000000000000000000000000000_Separator4">
            <a:extLst>
              <a:ext uri="{FF2B5EF4-FFF2-40B4-BE49-F238E27FC236}">
                <a16:creationId xmlns:a16="http://schemas.microsoft.com/office/drawing/2014/main" id="{62859EC4-1201-4D5D-8107-740D57F37F7E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471945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6" name="OTLSHAPE_TB_00000000000000000000000000000000_TimescaleInterval5">
            <a:extLst>
              <a:ext uri="{FF2B5EF4-FFF2-40B4-BE49-F238E27FC236}">
                <a16:creationId xmlns:a16="http://schemas.microsoft.com/office/drawing/2014/main" id="{42EB37A8-09A3-4490-B51D-94A6148F4E1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535445" y="3145473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cxnSp>
        <p:nvCxnSpPr>
          <p:cNvPr id="3827" name="OTLSHAPE_TB_00000000000000000000000000000000_Separator5">
            <a:extLst>
              <a:ext uri="{FF2B5EF4-FFF2-40B4-BE49-F238E27FC236}">
                <a16:creationId xmlns:a16="http://schemas.microsoft.com/office/drawing/2014/main" id="{9B97A862-37BA-4607-BEA0-A1048EDA74CB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664441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28" name="OTLSHAPE_TB_00000000000000000000000000000000_TimescaleInterval6">
            <a:extLst>
              <a:ext uri="{FF2B5EF4-FFF2-40B4-BE49-F238E27FC236}">
                <a16:creationId xmlns:a16="http://schemas.microsoft.com/office/drawing/2014/main" id="{7B9C32FD-EF27-4DB2-A2B2-37442445F3DC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707912" y="3145473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3829" name="OTLSHAPE_TB_00000000000000000000000000000000_Separator6">
            <a:extLst>
              <a:ext uri="{FF2B5EF4-FFF2-40B4-BE49-F238E27FC236}">
                <a16:creationId xmlns:a16="http://schemas.microsoft.com/office/drawing/2014/main" id="{176974EF-B32A-47F9-BC78-7C780E3FF1C1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777905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30" name="OTLSHAPE_TB_00000000000000000000000000000000_TimescaleInterval7">
            <a:extLst>
              <a:ext uri="{FF2B5EF4-FFF2-40B4-BE49-F238E27FC236}">
                <a16:creationId xmlns:a16="http://schemas.microsoft.com/office/drawing/2014/main" id="{09590667-4BE9-482E-BE10-7F7A9B4519F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7842557" y="3145473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3831" name="OTLSHAPE_TB_00000000000000000000000000000000_Separator7">
            <a:extLst>
              <a:ext uri="{FF2B5EF4-FFF2-40B4-BE49-F238E27FC236}">
                <a16:creationId xmlns:a16="http://schemas.microsoft.com/office/drawing/2014/main" id="{5A9F84DA-64E5-4A55-825E-CB33EE26F920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8951523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32" name="OTLSHAPE_TB_00000000000000000000000000000000_TimescaleInterval8">
            <a:extLst>
              <a:ext uri="{FF2B5EF4-FFF2-40B4-BE49-F238E27FC236}">
                <a16:creationId xmlns:a16="http://schemas.microsoft.com/office/drawing/2014/main" id="{E858E4AD-F925-4E86-ABE7-EA5370D1D0C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015023" y="3145473"/>
            <a:ext cx="21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3833" name="OTLSHAPE_TB_00000000000000000000000000000000_Separator8">
            <a:extLst>
              <a:ext uri="{FF2B5EF4-FFF2-40B4-BE49-F238E27FC236}">
                <a16:creationId xmlns:a16="http://schemas.microsoft.com/office/drawing/2014/main" id="{AE109998-F090-4C79-B63A-308CD9781D45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1008616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34" name="OTLSHAPE_TB_00000000000000000000000000000000_TimescaleInterval9">
            <a:extLst>
              <a:ext uri="{FF2B5EF4-FFF2-40B4-BE49-F238E27FC236}">
                <a16:creationId xmlns:a16="http://schemas.microsoft.com/office/drawing/2014/main" id="{11422F9D-3850-48A1-B546-462A8EAAEC2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149669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862" name="OTLSHAPE_M_1ac61f3a4c30457081f57d2c82873939_Title">
            <a:extLst>
              <a:ext uri="{FF2B5EF4-FFF2-40B4-BE49-F238E27FC236}">
                <a16:creationId xmlns:a16="http://schemas.microsoft.com/office/drawing/2014/main" id="{F710349E-DBDF-47AF-B292-3F8CEA6B843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691466" y="1529757"/>
            <a:ext cx="246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imary applications policy change comms</a:t>
            </a:r>
          </a:p>
        </p:txBody>
      </p:sp>
      <p:sp>
        <p:nvSpPr>
          <p:cNvPr id="3863" name="OTLSHAPE_M_1ac61f3a4c30457081f57d2c82873939_Date">
            <a:extLst>
              <a:ext uri="{FF2B5EF4-FFF2-40B4-BE49-F238E27FC236}">
                <a16:creationId xmlns:a16="http://schemas.microsoft.com/office/drawing/2014/main" id="{3E7262DB-D23F-46AA-AE50-3AAEC7171A8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691466" y="171297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Nov 14, 2018</a:t>
            </a:r>
          </a:p>
        </p:txBody>
      </p:sp>
      <p:sp>
        <p:nvSpPr>
          <p:cNvPr id="3864" name="OTLSHAPE_M_1ac61f3a4c30457081f57d2c82873939_Shape">
            <a:extLst>
              <a:ext uri="{FF2B5EF4-FFF2-40B4-BE49-F238E27FC236}">
                <a16:creationId xmlns:a16="http://schemas.microsoft.com/office/drawing/2014/main" id="{791E1C3F-4037-4612-BD94-DB8D33723B4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rot="16200000">
            <a:off x="1494616" y="1641729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65" name="OTLSHAPE_M_aabdc7b1935747e7b2fddae2c79e8989_Title">
            <a:extLst>
              <a:ext uri="{FF2B5EF4-FFF2-40B4-BE49-F238E27FC236}">
                <a16:creationId xmlns:a16="http://schemas.microsoft.com/office/drawing/2014/main" id="{94F48A9E-0018-41A6-A983-0CADC5D1319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410075" y="2323338"/>
            <a:ext cx="1104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Post 16 messaging start</a:t>
            </a:r>
          </a:p>
        </p:txBody>
      </p:sp>
      <p:sp>
        <p:nvSpPr>
          <p:cNvPr id="3866" name="OTLSHAPE_M_aabdc7b1935747e7b2fddae2c79e8989_Date">
            <a:extLst>
              <a:ext uri="{FF2B5EF4-FFF2-40B4-BE49-F238E27FC236}">
                <a16:creationId xmlns:a16="http://schemas.microsoft.com/office/drawing/2014/main" id="{9C49D8EC-3091-430F-92FE-BE9BFC9B42D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410075" y="2677075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Dec 3, 2018</a:t>
            </a:r>
          </a:p>
        </p:txBody>
      </p:sp>
      <p:sp>
        <p:nvSpPr>
          <p:cNvPr id="3867" name="OTLSHAPE_M_aabdc7b1935747e7b2fddae2c79e8989_Shape">
            <a:extLst>
              <a:ext uri="{FF2B5EF4-FFF2-40B4-BE49-F238E27FC236}">
                <a16:creationId xmlns:a16="http://schemas.microsoft.com/office/drawing/2014/main" id="{7C5A1D78-423A-44E3-A32B-D3BA931F366B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 rot="16200000">
            <a:off x="2213225" y="2520569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68" name="OTLSHAPE_M_6359ff6346744216a31441fe98eea96f_Title">
            <a:extLst>
              <a:ext uri="{FF2B5EF4-FFF2-40B4-BE49-F238E27FC236}">
                <a16:creationId xmlns:a16="http://schemas.microsoft.com/office/drawing/2014/main" id="{222F090B-BEFD-465C-85EC-409A2C23CD6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036399" y="1982301"/>
            <a:ext cx="7112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adline Primary school applications</a:t>
            </a:r>
          </a:p>
        </p:txBody>
      </p:sp>
      <p:sp>
        <p:nvSpPr>
          <p:cNvPr id="3869" name="OTLSHAPE_M_6359ff6346744216a31441fe98eea96f_Date">
            <a:extLst>
              <a:ext uri="{FF2B5EF4-FFF2-40B4-BE49-F238E27FC236}">
                <a16:creationId xmlns:a16="http://schemas.microsoft.com/office/drawing/2014/main" id="{A21324B2-E458-480A-84D0-C1DC56C3793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036399" y="2677075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Jan 15, 2019</a:t>
            </a:r>
          </a:p>
        </p:txBody>
      </p:sp>
      <p:sp>
        <p:nvSpPr>
          <p:cNvPr id="3870" name="OTLSHAPE_M_6359ff6346744216a31441fe98eea96f_Shape">
            <a:extLst>
              <a:ext uri="{FF2B5EF4-FFF2-40B4-BE49-F238E27FC236}">
                <a16:creationId xmlns:a16="http://schemas.microsoft.com/office/drawing/2014/main" id="{7AC52809-D80C-4786-A11E-0BCF390EDC76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rot="16200000">
            <a:off x="3839549" y="2350050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71" name="OTLSHAPE_M_8b4103b30bcf4fa087ba74405aad136f_Title">
            <a:extLst>
              <a:ext uri="{FF2B5EF4-FFF2-40B4-BE49-F238E27FC236}">
                <a16:creationId xmlns:a16="http://schemas.microsoft.com/office/drawing/2014/main" id="{E4023CE5-356E-4B3E-816D-87782FE9E56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446113" y="399646"/>
            <a:ext cx="1028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Opt</a:t>
            </a:r>
            <a:r>
              <a:rPr lang="en-GB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in and spare seats messaging campaign start</a:t>
            </a:r>
          </a:p>
        </p:txBody>
      </p:sp>
      <p:sp>
        <p:nvSpPr>
          <p:cNvPr id="3872" name="OTLSHAPE_M_8b4103b30bcf4fa087ba74405aad136f_Date">
            <a:extLst>
              <a:ext uri="{FF2B5EF4-FFF2-40B4-BE49-F238E27FC236}">
                <a16:creationId xmlns:a16="http://schemas.microsoft.com/office/drawing/2014/main" id="{3A0A7D66-5684-412B-B415-851E9D3E4A0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435795" y="87113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Feb 21, 2019</a:t>
            </a:r>
          </a:p>
        </p:txBody>
      </p:sp>
      <p:sp>
        <p:nvSpPr>
          <p:cNvPr id="3873" name="OTLSHAPE_M_8b4103b30bcf4fa087ba74405aad136f_Shape">
            <a:extLst>
              <a:ext uri="{FF2B5EF4-FFF2-40B4-BE49-F238E27FC236}">
                <a16:creationId xmlns:a16="http://schemas.microsoft.com/office/drawing/2014/main" id="{DC27ABBC-8669-4267-9555-A41FA44025F0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 rot="16200000">
            <a:off x="5238945" y="541281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74" name="OTLSHAPE_M_713532da350c4dfdb5fb07edc98793b8_Title">
            <a:extLst>
              <a:ext uri="{FF2B5EF4-FFF2-40B4-BE49-F238E27FC236}">
                <a16:creationId xmlns:a16="http://schemas.microsoft.com/office/drawing/2014/main" id="{4E8EC95B-565A-4818-B67F-925F7A21009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738367" y="1350495"/>
            <a:ext cx="647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Secondary offer day</a:t>
            </a:r>
          </a:p>
        </p:txBody>
      </p:sp>
      <p:sp>
        <p:nvSpPr>
          <p:cNvPr id="3875" name="OTLSHAPE_M_713532da350c4dfdb5fb07edc98793b8_Date">
            <a:extLst>
              <a:ext uri="{FF2B5EF4-FFF2-40B4-BE49-F238E27FC236}">
                <a16:creationId xmlns:a16="http://schemas.microsoft.com/office/drawing/2014/main" id="{BB10F9C3-6939-4861-804B-2854BC8E3349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738367" y="1704233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1F497E"/>
                </a:solidFill>
                <a:latin typeface="Calibri" panose="020F0502020204030204" pitchFamily="34" charset="0"/>
              </a:rPr>
              <a:t>Mar 1, 2019</a:t>
            </a:r>
          </a:p>
        </p:txBody>
      </p:sp>
      <p:sp>
        <p:nvSpPr>
          <p:cNvPr id="3876" name="OTLSHAPE_M_713532da350c4dfdb5fb07edc98793b8_Shape">
            <a:extLst>
              <a:ext uri="{FF2B5EF4-FFF2-40B4-BE49-F238E27FC236}">
                <a16:creationId xmlns:a16="http://schemas.microsoft.com/office/drawing/2014/main" id="{7DC9F060-659D-4455-AD43-360B3D0621B7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5541517" y="1547726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77" name="OTLSHAPE_M_af914c6b855b4951b9d0445e0955f10c_Title">
            <a:extLst>
              <a:ext uri="{FF2B5EF4-FFF2-40B4-BE49-F238E27FC236}">
                <a16:creationId xmlns:a16="http://schemas.microsoft.com/office/drawing/2014/main" id="{3B9203DF-63CD-4C28-9F8B-7EBF80DFC45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797369" y="2323338"/>
            <a:ext cx="2133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Start Emailing Secondary eligible for transport</a:t>
            </a:r>
          </a:p>
        </p:txBody>
      </p:sp>
      <p:sp>
        <p:nvSpPr>
          <p:cNvPr id="3878" name="OTLSHAPE_M_af914c6b855b4951b9d0445e0955f10c_Date">
            <a:extLst>
              <a:ext uri="{FF2B5EF4-FFF2-40B4-BE49-F238E27FC236}">
                <a16:creationId xmlns:a16="http://schemas.microsoft.com/office/drawing/2014/main" id="{673B0E90-A220-460B-9895-8B8C6E4E538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797369" y="267707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1F497E"/>
                </a:solidFill>
                <a:latin typeface="Calibri" panose="020F0502020204030204" pitchFamily="34" charset="0"/>
              </a:rPr>
              <a:t>Mar 29, 2019</a:t>
            </a:r>
          </a:p>
        </p:txBody>
      </p:sp>
      <p:sp>
        <p:nvSpPr>
          <p:cNvPr id="3879" name="OTLSHAPE_M_af914c6b855b4951b9d0445e0955f10c_Shape">
            <a:extLst>
              <a:ext uri="{FF2B5EF4-FFF2-40B4-BE49-F238E27FC236}">
                <a16:creationId xmlns:a16="http://schemas.microsoft.com/office/drawing/2014/main" id="{4B47C728-18C2-44CA-84FC-8FC6F76BCECD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rot="16200000">
            <a:off x="6600519" y="2520569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80" name="OTLSHAPE_M_8402d3d32ec7439f84dc064dd2f072a6_Title">
            <a:extLst>
              <a:ext uri="{FF2B5EF4-FFF2-40B4-BE49-F238E27FC236}">
                <a16:creationId xmlns:a16="http://schemas.microsoft.com/office/drawing/2014/main" id="{26979F4F-9A76-455C-8B4C-3B0BE69DDB4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478156" y="239733"/>
            <a:ext cx="497749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imary offer day</a:t>
            </a:r>
          </a:p>
        </p:txBody>
      </p:sp>
      <p:sp>
        <p:nvSpPr>
          <p:cNvPr id="3881" name="OTLSHAPE_M_8402d3d32ec7439f84dc064dd2f072a6_Date">
            <a:extLst>
              <a:ext uri="{FF2B5EF4-FFF2-40B4-BE49-F238E27FC236}">
                <a16:creationId xmlns:a16="http://schemas.microsoft.com/office/drawing/2014/main" id="{654D22F9-7B18-4DF2-808E-2977C28D5A8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478156" y="839944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Apr 16, 2019</a:t>
            </a:r>
          </a:p>
        </p:txBody>
      </p:sp>
      <p:sp>
        <p:nvSpPr>
          <p:cNvPr id="3882" name="OTLSHAPE_M_8402d3d32ec7439f84dc064dd2f072a6_Shape">
            <a:extLst>
              <a:ext uri="{FF2B5EF4-FFF2-40B4-BE49-F238E27FC236}">
                <a16:creationId xmlns:a16="http://schemas.microsoft.com/office/drawing/2014/main" id="{9BC43C3B-5E27-4ED6-AE71-BCBD760C5BD3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rot="16200000">
            <a:off x="7281306" y="652872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83" name="OTLSHAPE_M_db2e6603e49b45e680a4466e91a1bdb1_Title">
            <a:extLst>
              <a:ext uri="{FF2B5EF4-FFF2-40B4-BE49-F238E27FC236}">
                <a16:creationId xmlns:a16="http://schemas.microsoft.com/office/drawing/2014/main" id="{1A20557A-5657-4F58-A0B5-E945AC95EAB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007657" y="1051657"/>
            <a:ext cx="357237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Secondary parents told to contact us if not heard eligible</a:t>
            </a:r>
          </a:p>
        </p:txBody>
      </p:sp>
      <p:sp>
        <p:nvSpPr>
          <p:cNvPr id="3884" name="OTLSHAPE_M_db2e6603e49b45e680a4466e91a1bdb1_Date">
            <a:extLst>
              <a:ext uri="{FF2B5EF4-FFF2-40B4-BE49-F238E27FC236}">
                <a16:creationId xmlns:a16="http://schemas.microsoft.com/office/drawing/2014/main" id="{A874A637-154D-499F-AB49-0602AA7EC5FF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007657" y="128769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Apr 30, 2019</a:t>
            </a:r>
          </a:p>
        </p:txBody>
      </p:sp>
      <p:sp>
        <p:nvSpPr>
          <p:cNvPr id="3885" name="OTLSHAPE_M_db2e6603e49b45e680a4466e91a1bdb1_Shape">
            <a:extLst>
              <a:ext uri="{FF2B5EF4-FFF2-40B4-BE49-F238E27FC236}">
                <a16:creationId xmlns:a16="http://schemas.microsoft.com/office/drawing/2014/main" id="{7C539CC2-D41B-4033-9DC7-168F0D9F39BB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7810807" y="1131189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86" name="OTLSHAPE_M_4affdcb7fa5a448aacd70da3aefe3510_Title">
            <a:extLst>
              <a:ext uri="{FF2B5EF4-FFF2-40B4-BE49-F238E27FC236}">
                <a16:creationId xmlns:a16="http://schemas.microsoft.com/office/drawing/2014/main" id="{F0354960-25D8-4063-B0B6-4961E9B7E0F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298792" y="353683"/>
            <a:ext cx="252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tart emailing primary eligible for transport</a:t>
            </a:r>
          </a:p>
        </p:txBody>
      </p:sp>
      <p:sp>
        <p:nvSpPr>
          <p:cNvPr id="3887" name="OTLSHAPE_M_4affdcb7fa5a448aacd70da3aefe3510_Date">
            <a:extLst>
              <a:ext uri="{FF2B5EF4-FFF2-40B4-BE49-F238E27FC236}">
                <a16:creationId xmlns:a16="http://schemas.microsoft.com/office/drawing/2014/main" id="{FF52054B-F818-4D42-B0F4-DC945E1CC64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303823" y="60702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 dirty="0">
                <a:solidFill>
                  <a:srgbClr val="1F497E"/>
                </a:solidFill>
                <a:latin typeface="Calibri" panose="020F0502020204030204" pitchFamily="34" charset="0"/>
              </a:rPr>
              <a:t>May 7, 2019</a:t>
            </a:r>
          </a:p>
        </p:txBody>
      </p:sp>
      <p:sp>
        <p:nvSpPr>
          <p:cNvPr id="3888" name="OTLSHAPE_M_4affdcb7fa5a448aacd70da3aefe3510_Shape">
            <a:extLst>
              <a:ext uri="{FF2B5EF4-FFF2-40B4-BE49-F238E27FC236}">
                <a16:creationId xmlns:a16="http://schemas.microsoft.com/office/drawing/2014/main" id="{AAB2EE96-3FD4-47AF-BE90-B2BE25C486C1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 rot="16200000">
            <a:off x="8066563" y="385233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89" name="OTLSHAPE_M_fdd9fd6d95724819a02a03e62a06a703_Title">
            <a:extLst>
              <a:ext uri="{FF2B5EF4-FFF2-40B4-BE49-F238E27FC236}">
                <a16:creationId xmlns:a16="http://schemas.microsoft.com/office/drawing/2014/main" id="{49BAA97D-8D91-4460-B4A4-99494F786E0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537164" y="1479423"/>
            <a:ext cx="330762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Primary parents told to contact us if not heard eligible</a:t>
            </a:r>
          </a:p>
        </p:txBody>
      </p:sp>
      <p:sp>
        <p:nvSpPr>
          <p:cNvPr id="3890" name="OTLSHAPE_M_fdd9fd6d95724819a02a03e62a06a703_Date">
            <a:extLst>
              <a:ext uri="{FF2B5EF4-FFF2-40B4-BE49-F238E27FC236}">
                <a16:creationId xmlns:a16="http://schemas.microsoft.com/office/drawing/2014/main" id="{6BF06FCE-CBD3-4D87-94DB-299EE0363B5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537158" y="167627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May 14, 2019</a:t>
            </a:r>
          </a:p>
        </p:txBody>
      </p:sp>
      <p:sp>
        <p:nvSpPr>
          <p:cNvPr id="3891" name="OTLSHAPE_M_fdd9fd6d95724819a02a03e62a06a703_Shape">
            <a:extLst>
              <a:ext uri="{FF2B5EF4-FFF2-40B4-BE49-F238E27FC236}">
                <a16:creationId xmlns:a16="http://schemas.microsoft.com/office/drawing/2014/main" id="{13722AAD-027F-497E-B7C3-51D0D10E1BC0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16200000">
            <a:off x="8340308" y="1519766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92" name="OTLSHAPE_M_ea8c596459514273ac9b865567e2bc51_Title">
            <a:extLst>
              <a:ext uri="{FF2B5EF4-FFF2-40B4-BE49-F238E27FC236}">
                <a16:creationId xmlns:a16="http://schemas.microsoft.com/office/drawing/2014/main" id="{01B7F687-5F1F-455E-9BD2-1223CD6E43B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180123" y="2217818"/>
            <a:ext cx="1244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dirty="0">
                <a:solidFill>
                  <a:srgbClr val="FF0000"/>
                </a:solidFill>
                <a:latin typeface="Calibri" panose="020F0502020204030204" pitchFamily="34" charset="0"/>
              </a:rPr>
              <a:t>Deadline for all opt in, spare seats &amp; Post 16 applications</a:t>
            </a:r>
          </a:p>
        </p:txBody>
      </p:sp>
      <p:sp>
        <p:nvSpPr>
          <p:cNvPr id="3893" name="OTLSHAPE_M_ea8c596459514273ac9b865567e2bc51_Date">
            <a:extLst>
              <a:ext uri="{FF2B5EF4-FFF2-40B4-BE49-F238E27FC236}">
                <a16:creationId xmlns:a16="http://schemas.microsoft.com/office/drawing/2014/main" id="{D5853EC6-5AB7-44A1-9887-6ABC439852D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180123" y="267707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May 31, 2019</a:t>
            </a:r>
          </a:p>
        </p:txBody>
      </p:sp>
      <p:sp>
        <p:nvSpPr>
          <p:cNvPr id="3894" name="OTLSHAPE_M_ea8c596459514273ac9b865567e2bc51_Shape">
            <a:extLst>
              <a:ext uri="{FF2B5EF4-FFF2-40B4-BE49-F238E27FC236}">
                <a16:creationId xmlns:a16="http://schemas.microsoft.com/office/drawing/2014/main" id="{C6ED4003-C2A1-4F0A-81A1-23A38ADBD2BB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rot="16200000">
            <a:off x="8983273" y="2520569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95" name="OTLSHAPE_M_c773380d83c14414acce047fccb027ef_Title">
            <a:extLst>
              <a:ext uri="{FF2B5EF4-FFF2-40B4-BE49-F238E27FC236}">
                <a16:creationId xmlns:a16="http://schemas.microsoft.com/office/drawing/2014/main" id="{017C3290-A9F4-46FE-A048-D0C7AE3040A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957734" y="2041313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ost out bus passes</a:t>
            </a:r>
          </a:p>
        </p:txBody>
      </p:sp>
      <p:sp>
        <p:nvSpPr>
          <p:cNvPr id="3896" name="OTLSHAPE_M_c773380d83c14414acce047fccb027ef_Date">
            <a:extLst>
              <a:ext uri="{FF2B5EF4-FFF2-40B4-BE49-F238E27FC236}">
                <a16:creationId xmlns:a16="http://schemas.microsoft.com/office/drawing/2014/main" id="{D468AAC9-28EF-459E-A55B-40AFE54A230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957734" y="22245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Jul 17, 2019</a:t>
            </a:r>
          </a:p>
        </p:txBody>
      </p:sp>
      <p:sp>
        <p:nvSpPr>
          <p:cNvPr id="3897" name="OTLSHAPE_M_c773380d83c14414acce047fccb027ef_Shape">
            <a:extLst>
              <a:ext uri="{FF2B5EF4-FFF2-40B4-BE49-F238E27FC236}">
                <a16:creationId xmlns:a16="http://schemas.microsoft.com/office/drawing/2014/main" id="{658D5359-B4CA-4342-BEAE-BA8E73271F50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rot="16200000">
            <a:off x="10760884" y="215328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98" name="OTLSHAPE_M_35647127277948a7b7199d61560b6bd9_Title">
            <a:extLst>
              <a:ext uri="{FF2B5EF4-FFF2-40B4-BE49-F238E27FC236}">
                <a16:creationId xmlns:a16="http://schemas.microsoft.com/office/drawing/2014/main" id="{932CD54A-465B-46C3-9EEB-65BD36303E6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1222485" y="24938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d of term</a:t>
            </a:r>
          </a:p>
        </p:txBody>
      </p:sp>
      <p:sp>
        <p:nvSpPr>
          <p:cNvPr id="3899" name="OTLSHAPE_M_35647127277948a7b7199d61560b6bd9_Date">
            <a:extLst>
              <a:ext uri="{FF2B5EF4-FFF2-40B4-BE49-F238E27FC236}">
                <a16:creationId xmlns:a16="http://schemas.microsoft.com/office/drawing/2014/main" id="{27A723A1-D731-49C0-9FB9-13677B789FB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1222485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6">
                <a:solidFill>
                  <a:srgbClr val="1F497E"/>
                </a:solidFill>
                <a:latin typeface="Calibri" panose="020F0502020204030204" pitchFamily="34" charset="0"/>
              </a:rPr>
              <a:t>Jul 24, 2019</a:t>
            </a:r>
          </a:p>
        </p:txBody>
      </p:sp>
      <p:sp>
        <p:nvSpPr>
          <p:cNvPr id="3900" name="OTLSHAPE_M_35647127277948a7b7199d61560b6bd9_Shape">
            <a:extLst>
              <a:ext uri="{FF2B5EF4-FFF2-40B4-BE49-F238E27FC236}">
                <a16:creationId xmlns:a16="http://schemas.microsoft.com/office/drawing/2014/main" id="{5CEE5123-7824-405F-95F9-E73940D00527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 rot="16200000">
            <a:off x="11025635" y="2605828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01" name="OTLSHAPE_T_2b128eada6ab460590fd16f8ba9125b3_Shape">
            <a:extLst>
              <a:ext uri="{FF2B5EF4-FFF2-40B4-BE49-F238E27FC236}">
                <a16:creationId xmlns:a16="http://schemas.microsoft.com/office/drawing/2014/main" id="{5CB9B2A9-C97C-4942-A35E-E10D672C4CBE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1425045" y="3945255"/>
            <a:ext cx="2387600" cy="203200"/>
          </a:xfrm>
          <a:prstGeom prst="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02" name="OTLSHAPE_T_2b128eada6ab460590fd16f8ba9125b3_ShapePercentage" hidden="1">
            <a:extLst>
              <a:ext uri="{FF2B5EF4-FFF2-40B4-BE49-F238E27FC236}">
                <a16:creationId xmlns:a16="http://schemas.microsoft.com/office/drawing/2014/main" id="{247CBE99-B965-487E-81F9-7DC68D4C0B0F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142504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03" name="OTLSHAPE_T_2b128eada6ab460590fd16f8ba9125b3_Duration" hidden="1">
            <a:extLst>
              <a:ext uri="{FF2B5EF4-FFF2-40B4-BE49-F238E27FC236}">
                <a16:creationId xmlns:a16="http://schemas.microsoft.com/office/drawing/2014/main" id="{E0547911-33A4-40D0-BE7A-EBDA1D472EE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3 days</a:t>
            </a:r>
          </a:p>
        </p:txBody>
      </p:sp>
      <p:sp>
        <p:nvSpPr>
          <p:cNvPr id="3904" name="OTLSHAPE_T_2b128eada6ab460590fd16f8ba9125b3_TextPercentage" hidden="1">
            <a:extLst>
              <a:ext uri="{FF2B5EF4-FFF2-40B4-BE49-F238E27FC236}">
                <a16:creationId xmlns:a16="http://schemas.microsoft.com/office/drawing/2014/main" id="{D9783013-555B-43A4-ABE2-DD21D57ADFD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05" name="OTLSHAPE_T_2b128eada6ab460590fd16f8ba9125b3_StartDate" hidden="1">
            <a:extLst>
              <a:ext uri="{FF2B5EF4-FFF2-40B4-BE49-F238E27FC236}">
                <a16:creationId xmlns:a16="http://schemas.microsoft.com/office/drawing/2014/main" id="{F9CC7520-C5FA-4928-9A7A-76F1480A653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06" name="OTLSHAPE_T_2b128eada6ab460590fd16f8ba9125b3_EndDate" hidden="1">
            <a:extLst>
              <a:ext uri="{FF2B5EF4-FFF2-40B4-BE49-F238E27FC236}">
                <a16:creationId xmlns:a16="http://schemas.microsoft.com/office/drawing/2014/main" id="{92B7F86C-91D4-42F3-B153-BD0602CB54F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07" name="OTLSHAPE_T_2b128eada6ab460590fd16f8ba9125b3_JoinedDate">
            <a:extLst>
              <a:ext uri="{FF2B5EF4-FFF2-40B4-BE49-F238E27FC236}">
                <a16:creationId xmlns:a16="http://schemas.microsoft.com/office/drawing/2014/main" id="{2C0CDFEA-8A04-4043-93A0-3FC8A0FD642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858599" y="3969343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1F497E"/>
                </a:solidFill>
                <a:latin typeface="Calibri" panose="020F0502020204030204" pitchFamily="34" charset="0"/>
              </a:rPr>
              <a:t>Nov 14, 2018 - Jan 15, 2019</a:t>
            </a:r>
          </a:p>
        </p:txBody>
      </p:sp>
      <p:sp>
        <p:nvSpPr>
          <p:cNvPr id="3908" name="OTLSHAPE_T_2b128eada6ab460590fd16f8ba9125b3_Title">
            <a:extLst>
              <a:ext uri="{FF2B5EF4-FFF2-40B4-BE49-F238E27FC236}">
                <a16:creationId xmlns:a16="http://schemas.microsoft.com/office/drawing/2014/main" id="{681CA4B7-0E85-4385-BDA8-6183958DA2A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0" y="3961596"/>
            <a:ext cx="283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imary admissions travel policy change comms  </a:t>
            </a:r>
          </a:p>
        </p:txBody>
      </p:sp>
      <p:sp>
        <p:nvSpPr>
          <p:cNvPr id="3909" name="OTLSHAPE_T_b394a94b79244a1b95b79ac7b769bcc1_Shape">
            <a:extLst>
              <a:ext uri="{FF2B5EF4-FFF2-40B4-BE49-F238E27FC236}">
                <a16:creationId xmlns:a16="http://schemas.microsoft.com/office/drawing/2014/main" id="{64E5E723-6C92-4C40-BB2C-EA6F6014FACE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2143653" y="4211955"/>
            <a:ext cx="11049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10" name="OTLSHAPE_T_b394a94b79244a1b95b79ac7b769bcc1_ShapePercentage" hidden="1">
            <a:extLst>
              <a:ext uri="{FF2B5EF4-FFF2-40B4-BE49-F238E27FC236}">
                <a16:creationId xmlns:a16="http://schemas.microsoft.com/office/drawing/2014/main" id="{72AFF85D-AEF6-4DE2-899B-E8F0F910A235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2143653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11" name="OTLSHAPE_T_b394a94b79244a1b95b79ac7b769bcc1_Duration" hidden="1">
            <a:extLst>
              <a:ext uri="{FF2B5EF4-FFF2-40B4-BE49-F238E27FC236}">
                <a16:creationId xmlns:a16="http://schemas.microsoft.com/office/drawing/2014/main" id="{BE06440F-666D-4C2E-A240-ACDA94815D9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3912" name="OTLSHAPE_T_b394a94b79244a1b95b79ac7b769bcc1_TextPercentage" hidden="1">
            <a:extLst>
              <a:ext uri="{FF2B5EF4-FFF2-40B4-BE49-F238E27FC236}">
                <a16:creationId xmlns:a16="http://schemas.microsoft.com/office/drawing/2014/main" id="{1B7D446C-BE6F-4D8D-AC5F-67FD0A04FB0E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13" name="OTLSHAPE_T_b394a94b79244a1b95b79ac7b769bcc1_StartDate" hidden="1">
            <a:extLst>
              <a:ext uri="{FF2B5EF4-FFF2-40B4-BE49-F238E27FC236}">
                <a16:creationId xmlns:a16="http://schemas.microsoft.com/office/drawing/2014/main" id="{BCF10BC0-0E45-4A44-ACA6-9DA911F4B1A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14" name="OTLSHAPE_T_b394a94b79244a1b95b79ac7b769bcc1_EndDate" hidden="1">
            <a:extLst>
              <a:ext uri="{FF2B5EF4-FFF2-40B4-BE49-F238E27FC236}">
                <a16:creationId xmlns:a16="http://schemas.microsoft.com/office/drawing/2014/main" id="{955463DE-D6A5-44DA-9944-D8304931E0B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15" name="OTLSHAPE_T_b394a94b79244a1b95b79ac7b769bcc1_JoinedDate">
            <a:extLst>
              <a:ext uri="{FF2B5EF4-FFF2-40B4-BE49-F238E27FC236}">
                <a16:creationId xmlns:a16="http://schemas.microsoft.com/office/drawing/2014/main" id="{8A1DBB40-61DE-4A52-9CE8-552C20244DE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291277" y="4236043"/>
            <a:ext cx="1384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4">
                <a:solidFill>
                  <a:srgbClr val="1F497E"/>
                </a:solidFill>
                <a:latin typeface="Calibri" panose="020F0502020204030204" pitchFamily="34" charset="0"/>
              </a:rPr>
              <a:t>Dec 3, 2018 - Dec 31, 2018</a:t>
            </a:r>
            <a:endParaRPr lang="en-GB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16" name="OTLSHAPE_T_b394a94b79244a1b95b79ac7b769bcc1_Title">
            <a:extLst>
              <a:ext uri="{FF2B5EF4-FFF2-40B4-BE49-F238E27FC236}">
                <a16:creationId xmlns:a16="http://schemas.microsoft.com/office/drawing/2014/main" id="{7DE817E2-BC76-40AC-9B9A-6ABFD5F65B50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0" y="4228296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ost 16 messaging</a:t>
            </a:r>
          </a:p>
        </p:txBody>
      </p:sp>
      <p:sp>
        <p:nvSpPr>
          <p:cNvPr id="3917" name="OTLSHAPE_T_82dd0b459c2044eab2b6300bf882d09c_Shape">
            <a:extLst>
              <a:ext uri="{FF2B5EF4-FFF2-40B4-BE49-F238E27FC236}">
                <a16:creationId xmlns:a16="http://schemas.microsoft.com/office/drawing/2014/main" id="{7962C52A-F8C9-4FB2-8D23-64572DAE54E8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5169374" y="4478655"/>
            <a:ext cx="37846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18" name="OTLSHAPE_T_82dd0b459c2044eab2b6300bf882d09c_ShapePercentage" hidden="1">
            <a:extLst>
              <a:ext uri="{FF2B5EF4-FFF2-40B4-BE49-F238E27FC236}">
                <a16:creationId xmlns:a16="http://schemas.microsoft.com/office/drawing/2014/main" id="{E07B350C-224E-403D-B5CF-584525EFA38B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5169374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19" name="OTLSHAPE_T_82dd0b459c2044eab2b6300bf882d09c_Duration" hidden="1">
            <a:extLst>
              <a:ext uri="{FF2B5EF4-FFF2-40B4-BE49-F238E27FC236}">
                <a16:creationId xmlns:a16="http://schemas.microsoft.com/office/drawing/2014/main" id="{9101BA32-76CD-4F68-ADEB-FE6AB9B29EBC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0" y="44786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0 days</a:t>
            </a:r>
          </a:p>
        </p:txBody>
      </p:sp>
      <p:sp>
        <p:nvSpPr>
          <p:cNvPr id="3920" name="OTLSHAPE_T_82dd0b459c2044eab2b6300bf882d09c_TextPercentage" hidden="1">
            <a:extLst>
              <a:ext uri="{FF2B5EF4-FFF2-40B4-BE49-F238E27FC236}">
                <a16:creationId xmlns:a16="http://schemas.microsoft.com/office/drawing/2014/main" id="{0DD1BA74-0BB1-4D1E-BC64-A4FBB452FBD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21" name="OTLSHAPE_T_82dd0b459c2044eab2b6300bf882d09c_StartDate" hidden="1">
            <a:extLst>
              <a:ext uri="{FF2B5EF4-FFF2-40B4-BE49-F238E27FC236}">
                <a16:creationId xmlns:a16="http://schemas.microsoft.com/office/drawing/2014/main" id="{9B39C031-56C3-45D4-8BC6-3DE6EDDDECD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22" name="OTLSHAPE_T_82dd0b459c2044eab2b6300bf882d09c_EndDate" hidden="1">
            <a:extLst>
              <a:ext uri="{FF2B5EF4-FFF2-40B4-BE49-F238E27FC236}">
                <a16:creationId xmlns:a16="http://schemas.microsoft.com/office/drawing/2014/main" id="{ED078610-744F-4689-8145-A420487111A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23" name="OTLSHAPE_T_82dd0b459c2044eab2b6300bf882d09c_JoinedDate">
            <a:extLst>
              <a:ext uri="{FF2B5EF4-FFF2-40B4-BE49-F238E27FC236}">
                <a16:creationId xmlns:a16="http://schemas.microsoft.com/office/drawing/2014/main" id="{48027327-9AEE-4BE2-8945-6845D954C10E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002323" y="4502743"/>
            <a:ext cx="1460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1F497E"/>
                </a:solidFill>
                <a:latin typeface="Calibri" panose="020F0502020204030204" pitchFamily="34" charset="0"/>
              </a:rPr>
              <a:t>Feb 21, 2019 - May 31, 2019</a:t>
            </a:r>
          </a:p>
        </p:txBody>
      </p:sp>
      <p:sp>
        <p:nvSpPr>
          <p:cNvPr id="3924" name="OTLSHAPE_T_82dd0b459c2044eab2b6300bf882d09c_Title">
            <a:extLst>
              <a:ext uri="{FF2B5EF4-FFF2-40B4-BE49-F238E27FC236}">
                <a16:creationId xmlns:a16="http://schemas.microsoft.com/office/drawing/2014/main" id="{F2702C10-D018-4BAD-8B29-1947E540734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0" y="4494996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Opt-in campaign</a:t>
            </a:r>
          </a:p>
        </p:txBody>
      </p:sp>
      <p:sp>
        <p:nvSpPr>
          <p:cNvPr id="3925" name="OTLSHAPE_T_d163595b6d7e4b6c92c5aa8f18c6fcdf_Shape">
            <a:extLst>
              <a:ext uri="{FF2B5EF4-FFF2-40B4-BE49-F238E27FC236}">
                <a16:creationId xmlns:a16="http://schemas.microsoft.com/office/drawing/2014/main" id="{14BFEC0C-7731-4678-8681-3C36C4636F13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5471945" y="4745355"/>
            <a:ext cx="34798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26" name="OTLSHAPE_T_d163595b6d7e4b6c92c5aa8f18c6fcdf_ShapePercentage" hidden="1">
            <a:extLst>
              <a:ext uri="{FF2B5EF4-FFF2-40B4-BE49-F238E27FC236}">
                <a16:creationId xmlns:a16="http://schemas.microsoft.com/office/drawing/2014/main" id="{8BAF3001-3797-4B41-9315-133CCF0C9F0A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5471945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27" name="OTLSHAPE_T_d163595b6d7e4b6c92c5aa8f18c6fcdf_Duration" hidden="1">
            <a:extLst>
              <a:ext uri="{FF2B5EF4-FFF2-40B4-BE49-F238E27FC236}">
                <a16:creationId xmlns:a16="http://schemas.microsoft.com/office/drawing/2014/main" id="{5AB7FF92-1039-489C-A608-75C7BA3F923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3928" name="OTLSHAPE_T_d163595b6d7e4b6c92c5aa8f18c6fcdf_TextPercentage" hidden="1">
            <a:extLst>
              <a:ext uri="{FF2B5EF4-FFF2-40B4-BE49-F238E27FC236}">
                <a16:creationId xmlns:a16="http://schemas.microsoft.com/office/drawing/2014/main" id="{1CF2C7F2-24B2-4EBE-A455-7A676B11E4C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29" name="OTLSHAPE_T_d163595b6d7e4b6c92c5aa8f18c6fcdf_StartDate" hidden="1">
            <a:extLst>
              <a:ext uri="{FF2B5EF4-FFF2-40B4-BE49-F238E27FC236}">
                <a16:creationId xmlns:a16="http://schemas.microsoft.com/office/drawing/2014/main" id="{C7FE4FDD-EB0E-4E3C-85A5-C3F7E89B525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30" name="OTLSHAPE_T_d163595b6d7e4b6c92c5aa8f18c6fcdf_EndDate" hidden="1">
            <a:extLst>
              <a:ext uri="{FF2B5EF4-FFF2-40B4-BE49-F238E27FC236}">
                <a16:creationId xmlns:a16="http://schemas.microsoft.com/office/drawing/2014/main" id="{856D5742-2B82-4032-979B-FF638B1F2522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31" name="OTLSHAPE_T_d163595b6d7e4b6c92c5aa8f18c6fcdf_JoinedDate">
            <a:extLst>
              <a:ext uri="{FF2B5EF4-FFF2-40B4-BE49-F238E27FC236}">
                <a16:creationId xmlns:a16="http://schemas.microsoft.com/office/drawing/2014/main" id="{78B1869F-F0F1-4045-9A7A-7638FE2AD9F0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002323" y="4769443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rgbClr val="1F497E"/>
                </a:solidFill>
                <a:latin typeface="Calibri" panose="020F0502020204030204" pitchFamily="34" charset="0"/>
              </a:rPr>
              <a:t>Mar 1, 2019 - May 31, 2019</a:t>
            </a:r>
          </a:p>
        </p:txBody>
      </p:sp>
      <p:sp>
        <p:nvSpPr>
          <p:cNvPr id="3932" name="OTLSHAPE_T_d163595b6d7e4b6c92c5aa8f18c6fcdf_Title">
            <a:extLst>
              <a:ext uri="{FF2B5EF4-FFF2-40B4-BE49-F238E27FC236}">
                <a16:creationId xmlns:a16="http://schemas.microsoft.com/office/drawing/2014/main" id="{9BFFED63-6CE9-43AD-A6BC-E78D93B241D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0" y="4761696"/>
            <a:ext cx="306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ortal open for Secondary applications &amp; Spare seats</a:t>
            </a:r>
          </a:p>
        </p:txBody>
      </p:sp>
      <p:sp>
        <p:nvSpPr>
          <p:cNvPr id="3933" name="OTLSHAPE_T_52d9d16ff332406b92446666454f309b_Shape">
            <a:extLst>
              <a:ext uri="{FF2B5EF4-FFF2-40B4-BE49-F238E27FC236}">
                <a16:creationId xmlns:a16="http://schemas.microsoft.com/office/drawing/2014/main" id="{1962974A-C8BB-4DD7-99C9-2167B96347F5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7211734" y="5012055"/>
            <a:ext cx="17399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34" name="OTLSHAPE_T_52d9d16ff332406b92446666454f309b_ShapePercentage" hidden="1">
            <a:extLst>
              <a:ext uri="{FF2B5EF4-FFF2-40B4-BE49-F238E27FC236}">
                <a16:creationId xmlns:a16="http://schemas.microsoft.com/office/drawing/2014/main" id="{2FC737F5-C817-46B3-9C6C-7D33132CFD78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7211734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935" name="OTLSHAPE_T_52d9d16ff332406b92446666454f309b_Duration" hidden="1">
            <a:extLst>
              <a:ext uri="{FF2B5EF4-FFF2-40B4-BE49-F238E27FC236}">
                <a16:creationId xmlns:a16="http://schemas.microsoft.com/office/drawing/2014/main" id="{33209A1C-7098-4B81-9FFD-B28D738C37F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0" y="50120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6 days</a:t>
            </a:r>
          </a:p>
        </p:txBody>
      </p:sp>
      <p:sp>
        <p:nvSpPr>
          <p:cNvPr id="3936" name="OTLSHAPE_T_52d9d16ff332406b92446666454f309b_TextPercentage" hidden="1">
            <a:extLst>
              <a:ext uri="{FF2B5EF4-FFF2-40B4-BE49-F238E27FC236}">
                <a16:creationId xmlns:a16="http://schemas.microsoft.com/office/drawing/2014/main" id="{4424002A-F5F3-4D00-BC5D-CBB318265B9D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937" name="OTLSHAPE_T_52d9d16ff332406b92446666454f309b_StartDate" hidden="1">
            <a:extLst>
              <a:ext uri="{FF2B5EF4-FFF2-40B4-BE49-F238E27FC236}">
                <a16:creationId xmlns:a16="http://schemas.microsoft.com/office/drawing/2014/main" id="{A6F2930A-A76D-4B13-BE2A-1FEC7CCF90B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38" name="OTLSHAPE_T_52d9d16ff332406b92446666454f309b_EndDate" hidden="1">
            <a:extLst>
              <a:ext uri="{FF2B5EF4-FFF2-40B4-BE49-F238E27FC236}">
                <a16:creationId xmlns:a16="http://schemas.microsoft.com/office/drawing/2014/main" id="{0EC1AEB6-56BE-4D4C-BB32-A57195BFC7A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939" name="OTLSHAPE_T_52d9d16ff332406b92446666454f309b_JoinedDate">
            <a:extLst>
              <a:ext uri="{FF2B5EF4-FFF2-40B4-BE49-F238E27FC236}">
                <a16:creationId xmlns:a16="http://schemas.microsoft.com/office/drawing/2014/main" id="{36C4F73D-4DEE-4A21-A95F-F91DBBE3C153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002323" y="5036143"/>
            <a:ext cx="1460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rgbClr val="1F497E"/>
                </a:solidFill>
                <a:latin typeface="Calibri" panose="020F0502020204030204" pitchFamily="34" charset="0"/>
              </a:rPr>
              <a:t>Apr 16, 2019 - May 31, 2019</a:t>
            </a:r>
          </a:p>
        </p:txBody>
      </p:sp>
      <p:sp>
        <p:nvSpPr>
          <p:cNvPr id="3940" name="OTLSHAPE_T_52d9d16ff332406b92446666454f309b_Title">
            <a:extLst>
              <a:ext uri="{FF2B5EF4-FFF2-40B4-BE49-F238E27FC236}">
                <a16:creationId xmlns:a16="http://schemas.microsoft.com/office/drawing/2014/main" id="{E8EE290B-C368-4C60-821C-60F00D8D5C02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0" y="5028396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ortal open for primary</a:t>
            </a:r>
          </a:p>
        </p:txBody>
      </p:sp>
      <p:sp>
        <p:nvSpPr>
          <p:cNvPr id="549" name="OTLSHAPE_T_b394a94b79244a1b95b79ac7b769bcc1_Shape">
            <a:extLst>
              <a:ext uri="{FF2B5EF4-FFF2-40B4-BE49-F238E27FC236}">
                <a16:creationId xmlns:a16="http://schemas.microsoft.com/office/drawing/2014/main" id="{FFA52502-5A37-4FB3-B7F9-CD339FFD5F0A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5516117" y="4211955"/>
            <a:ext cx="3414851" cy="205573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dirty="0">
                <a:solidFill>
                  <a:schemeClr val="tx1"/>
                </a:solidFill>
              </a:rPr>
              <a:t>POST 16 applications for transport</a:t>
            </a:r>
          </a:p>
        </p:txBody>
      </p:sp>
      <p:sp>
        <p:nvSpPr>
          <p:cNvPr id="550" name="OTLSHAPE_T_d163595b6d7e4b6c92c5aa8f18c6fcdf_JoinedDate">
            <a:extLst>
              <a:ext uri="{FF2B5EF4-FFF2-40B4-BE49-F238E27FC236}">
                <a16:creationId xmlns:a16="http://schemas.microsoft.com/office/drawing/2014/main" id="{16C013DA-D7AD-406D-AF79-A3DF82DFE52A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9003048" y="4250246"/>
            <a:ext cx="1422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 dirty="0">
                <a:solidFill>
                  <a:srgbClr val="1F497E"/>
                </a:solidFill>
                <a:latin typeface="Calibri" panose="020F0502020204030204" pitchFamily="34" charset="0"/>
              </a:rPr>
              <a:t>Mar 1, 2019 - May 31, 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17856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iJTdGFuZGFyZCIsIklzVGVtcGxhdGUiOmZhbHNlLCJWZXJzaW9uIjp7IiRpZCI6IjIiLCJWZXJzaW9uIjoiMy4wLjEiLCJPcmlnaW5hbEFzc2VtYmx5VmVyc2lvbiI6IjMuMDEuMDY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LCB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1NSwiRyI6MTkyLCJCIjow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TUsIkciOjE5MiwiQiI6M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IsIkZvcmVncm91bmQiOnsiJHJlZiI6IjY3In0sIk1heFdpZHRoIjoxOTcuMjE2MTQwNzQ3MDcwMz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iRpZCI6IjEzOCIsIlJhdGlvIjowLjAsIklzQ3VzdG9tIjpmYWxzZX0sIklkIjoiMWFjNjFmM2EtNGMzMC00NTcwLTgxZjUtN2QyYzgyODczOTM5IiwiVGl0bGUiOiJQcmltYXJ5IGFwcGxpY2F0aW9ucyBwb2xpY3kgY2hhbmdlIGNvbW1zIiwiTm90ZSI6bnVsbCwiSHlwZXJsaW5rIjpudWxsLCJJc0NoYW5nZWQiOmZhbHNlLCJJc05ldyI6ZmFsc2V9LHsiJGlkIjoiMTM5IiwiRGF0ZSI6IjIwMTgtMTItMDN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yLCJHIjoxNzgsIkIiOjIzOH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iwiRyI6MTc4LCJCIjoyMzh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yLCJGb3JlZ3JvdW5kIjp7IiRyZWYiOiI2NyJ9LCJNYXhXaWR0aCI6OTMuNzc3NzE3NTkwMzMyMDM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FhYmRjN2IxLTkzNTctNDdlNy1iMmZkLWRhZTJjNzllODk4OSIsIlRpdGxlIjoiUG9zdCAxNiBtZXNzYWdpbmcgc3RhcnQiLCJOb3RlIjpudWxsLCJIeXBlcmxpbmsiOm51bGwsIklzQ2hhbmdlZCI6ZmFsc2UsIklzTmV3IjpmYWxzZX0seyIkaWQiOiIxNTUiLCJEYXRlIjoiMjAxOS0wMS0xNV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I1NSwiRyI6MTkyLCJCIjow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NTUsIkciOjE5MiwiQiI6MH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2My45NTM2MjA5MTA2NDQ1Mz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yMzQsIkciOjIyLCJCIjozMH19LCJJc1Zpc2libGUiOnRydWUsIldpZHRoIjoxOC4wLCJIZWlnaHQiOjIwLjA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DYWxpYnJpIiwiSXNCb2xkIjp0cnVlLCJJc0l0YWxpYyI6ZmFsc2UsIklzVW5kZXJsaW5lZCI6ZmFsc2UsIlBhcmVudFN0eWxlIjp7IiRyZWYiOiI2NiJ9fSwiQXV0b1NpemUiOjIsIkZvcmVncm91bmQiOnsiJHJlZiI6IjY3In0sIk1heFdpZHRoIjo4OS43MTA2MzIzMjQyMTg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NiIsIkxpbmVDb2xvciI6bnVsbCwiTGluZVdlaWdodCI6MC4wLCJMaW5lVHlwZSI6MCwiUGFyZW50U3R5bGUiOm51bGx9LCJQYXJlbnRTdHlsZSI6eyIkcmVmIjoiNjUifX0sIkRhdGVTdHlsZSI6eyIkaWQiOiIyMTciLCJGb250U2V0dGluZ3MiOnsiJGlkIjoiMjE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yIiwiTGluZUNvbG9yIjpudWxsLCJMaW5lV2VpZ2h0IjowLjAsIkxpbmVUeXBlIjowLCJQYXJlbnRTdHlsZSI6bnVsbH0sIlBhcmVudFN0eWxlIjp7IiRyZWYiOiI2NSJ9fSwiRGF0ZVN0eWxlIjp7IiRpZCI6IjIzMyIsIkZvbnRTZXR0aW5ncyI6eyIkaWQiOiIyM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4IiwiTGluZUNvbG9yIjpudWxsLCJMaW5lV2VpZ2h0IjowLjAsIkxpbmVUeXBlIjowLCJQYXJlbnRTdHlsZSI6bnVsbH0sIlBhcmVudFN0eWxlIjp7IiRyZWYiOiI2NSJ9fSwiRGF0ZVN0eWxlIjp7IiRpZCI6IjI0OSIsIkZvbnRTZXR0aW5ncyI6eyIkaWQiOiIyNT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Y0IiwiTGluZUNvbG9yIjpudWxsLCJMaW5lV2VpZ2h0IjowLjAsIkxpbmVUeXBlIjowLCJQYXJlbnRTdHlsZSI6bnVsbH0sIlBhcmVudFN0eWxlIjp7IiRyZWYiOiI2NSJ9fSwiRGF0ZVN0eWxlIjp7IiRpZCI6IjI2NSIsIkZvbnRTZXR0aW5ncyI6eyIkaWQiOiIy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DAiLCJMaW5lQ29sb3IiOm51bGwsIkxpbmVXZWlnaHQiOjAuMCwiTGluZVR5cGUiOjAsIlBhcmVudFN0eWxlIjpudWxsfSwiUGFyZW50U3R5bGUiOnsiJHJlZiI6IjY1In19LCJEYXRlU3R5bGUiOnsiJGlkIjoiMjgxIiwiRm9udFNldHRpbmdzIjp7IiRpZCI6IjI4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5NiIsIkxpbmVDb2xvciI6bnVsbCwiTGluZVdlaWdodCI6MC4wLCJMaW5lVHlwZSI6MCwiUGFyZW50U3R5bGUiOm51bGx9LCJQYXJlbnRTdHlsZSI6eyIkcmVmIjoiNjUifX0sIkRhdGVTdHlsZSI6eyIkaWQiOiIyOTciLCJGb250U2V0dGluZ3MiOnsiJGlkIjoiMjk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EyIiwiTGluZUNvbG9yIjpudWxsLCJMaW5lV2VpZ2h0IjowLjAsIkxpbmVUeXBlIjowLCJQYXJlbnRTdHlsZSI6bnVsbH0sIlBhcmVudFN0eWxlIjp7IiRyZWYiOiI2NSJ9fSwiRGF0ZVN0eWxlIjp7IiRpZCI6IjMxMyIsIkZvbnRTZXR0aW5ncyI6eyIkaWQiOiIzMT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I4IiwiTGluZUNvbG9yIjpudWxsLCJMaW5lV2VpZ2h0IjowLjAsIkxpbmVUeXBlIjowLCJQYXJlbnRTdHlsZSI6bnVsbH0sIlBhcmVudFN0eWxlIjp7IiRyZWYiOiI2NSJ9fSwiRGF0ZVN0eWxlIjp7IiRpZCI6IjMyOSIsIkZvbnRTZXR0aW5ncyI6eyIkaWQiOiIzMz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3IiwiTGluZUNvbG9yIjpudWxsLCJMaW5lV2VpZ2h0IjowLjAsIkxpbmVUeXBlIjowLCJQYXJlbnRTdHlsZSI6bnVsbH0sIlBhcmVudFN0eWxlIjp7IiRyZWYiOiI4MSJ9fSwiRHVyYXRpb25TdHlsZSI6eyIkaWQiOiIzMzgiLCJGb250U2V0dGluZ3MiOnsiJGlkIjoiMzM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wIiwiTGluZUNvbG9yIjpudWxsLCJMaW5lV2VpZ2h0IjowLjAsIkxpbmVUeXBlIjowLCJQYXJlbnRTdHlsZSI6bnVsbH0sIlBhcmVudFN0eWxlIjp7IiRyZWYiOiI4OCJ9fSwiSG9yaXpvbnRhbENvbm5lY3RvclN0eWxlIjp7IiRpZCI6IjM0MSIsIkxpbmVDb2xvciI6eyIkcmVmIjoiOTYifSwiTGluZVdlaWdodCI6MS4wLCJMaW5lVHlwZSI6MCwiUGFyZW50U3R5bGUiOnsiJHJlZiI6Ijk1In19LCJWZXJ0aWNhbENvbm5lY3RvclN0eWxlIjp7IiRpZCI6IjM0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DkiLCJMaW5lQ29sb3IiOm51bGwsIkxpbmVXZWlnaHQiOjAuMCwiTGluZVR5cGUiOjAsIlBhcmVudFN0eWxlIjpudWxsfSwiUGFyZW50U3R5bGUiOnsiJHJlZiI6IjEwNyJ9fSwiRGF0ZVN0eWxlIjp7IiRpZCI6IjM1MCIsIkZvbnRTZXR0aW5ncyI6eyIkaWQiOiIzNT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yIsIkxpbmVDb2xvciI6bnVsbCwiTGluZVdlaWdodCI6MC4wLCJMaW5lVHlwZSI6MCwiUGFyZW50U3R5bGUiOm51bGx9LCJQYXJlbnRTdHlsZSI6eyIkcmVmIjoiODEifX0sIkR1cmF0aW9uU3R5bGUiOnsiJGlkIjoiMzU4IiwiRm9udFNldHRpbmdzIjp7IiRpZCI6IjM1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CIsIkxpbmVDb2xvciI6bnVsbCwiTGluZVdlaWdodCI6MC4wLCJMaW5lVHlwZSI6MCwiUGFyZW50U3R5bGUiOm51bGx9LCJQYXJlbnRTdHlsZSI6eyIkcmVmIjoiODgifX0sIkhvcml6b250YWxDb25uZWN0b3JTdHlsZSI6eyIkaWQiOiIzNjEiLCJMaW5lQ29sb3IiOnsiJHJlZiI6Ijk2In0sIkxpbmVXZWlnaHQiOjEuMCwiTGluZVR5cGUiOjAsIlBhcmVudFN0eWxlIjp7IiRyZWYiOiI5NSJ9fSwiVmVydGljYWxDb25uZWN0b3JTdHlsZSI6eyIkaWQiOiIzNj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jMiLCJNYXJnaW4iOnsiJHJlZiI6IjEwMiJ9LCJQYWRkaW5nIjp7IiRyZWYiOiIxMDMifSwiQmFja2dyb3VuZCI6eyIkaWQiOiIzNjQiLCJDb2xvciI6eyIkaWQiOiIzNjUiLCJBIjoyNTUsIlIiOjIsIkciOjE3OCwiQiI6MjM4fX0sIklzVmlzaWJsZSI6dHJ1ZSwiV2lkdGgiOjAuMCwiSGVpZ2h0IjoxNi4wLCJCb3JkZXJTdHlsZSI6eyIkaWQiOiIzNjYiLCJMaW5lQ29sb3IiOnsiJHJlZiI6IjEwNSJ9LCJMaW5lV2VpZ2h0IjowLjAsIkxpbmVUeXBlIjowLCJQYXJlbnRTdHlsZSI6eyIkcmVmIjoiMTA0In19LCJQYXJlbnRTdHlsZSI6eyIkcmVmIjoiMTAxIn19LCJUaXRsZVN0eWxlIjp7IiRpZCI6IjM2NyIsIkZvbnRTZXR0aW5ncyI6eyIkaWQiOiIzNj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5IiwiTGluZUNvbG9yIjpudWxsLCJMaW5lV2VpZ2h0IjowLjAsIkxpbmVUeXBlIjowLCJQYXJlbnRTdHlsZSI6bnVsbH0sIlBhcmVudFN0eWxlIjp7IiRyZWYiOiIxMDcifX0sIkRhdGVTdHlsZSI6eyIkaWQiOiIzNzAiLCJGb250U2V0dGluZ3MiOnsiJGlkIjoiMzc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ciLCJMaW5lQ29sb3IiOm51bGwsIkxpbmVXZWlnaHQiOjAuMCwiTGluZVR5cGUiOjAsIlBhcmVudFN0eWxlIjpudWxsfSwiUGFyZW50U3R5bGUiOnsiJHJlZiI6IjgxIn19LCJEdXJhdGlvblN0eWxlIjp7IiRpZCI6IjM3OCIsIkZvbnRTZXR0aW5ncyI6eyIkaWQiOiIzNz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AiLCJMaW5lQ29sb3IiOm51bGwsIkxpbmVXZWlnaHQiOjAuMCwiTGluZVR5cGUiOjAsIlBhcmVudFN0eWxlIjpudWxsfSwiUGFyZW50U3R5bGUiOnsiJHJlZiI6Ijg4In19LCJIb3Jpem9udGFsQ29ubmVjdG9yU3R5bGUiOnsiJGlkIjoiMzgxIiwiTGluZUNvbG9yIjp7IiRyZWYiOiI5NiJ9LCJMaW5lV2VpZ2h0IjoxLjAsIkxpbmVUeXBlIjowLCJQYXJlbnRTdHlsZSI6eyIkcmVmIjoiOTUifX0sIlZlcnRpY2FsQ29ubmVjdG9yU3R5bGUiOnsiJGlkIjoiMzg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gzIiwiTWFyZ2luIjp7IiRyZWYiOiIxMDIifSwiUGFkZGluZyI6eyIkcmVmIjoiMTAzIn0sIkJhY2tncm91bmQiOnsiJGlkIjoiMzg0IiwiQ29sb3IiOnsiJGlkIjoiMzg1IiwiQSI6MjU1LCJSIjoyMzQsIkciOjIyLCJCIjozMH19LCJJc1Zpc2libGUiOnRydWUsIldpZHRoIjowLjAsIkhlaWdodCI6MTYuMCwiQm9yZGVyU3R5bGUiOnsiJGlkIjoiMzg2IiwiTGluZUNvbG9yIjp7IiRyZWYiOiIxMDUifSwiTGluZVdlaWdodCI6MC4wLCJMaW5lVHlwZSI6MCwiUGFyZW50U3R5bGUiOnsiJHJlZiI6IjEwNCJ9fSwiUGFyZW50U3R5bGUiOnsiJHJlZiI6IjEwMSJ9fSwiVGl0bGVTdHlsZSI6eyIkaWQiOiIzODciLCJGb250U2V0dGluZ3MiOnsiJGlkIjoiMzg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4OSIsIkxpbmVDb2xvciI6bnVsbCwiTGluZVdlaWdodCI6MC4wLCJMaW5lVHlwZSI6MCwiUGFyZW50U3R5bGUiOm51bGx9LCJQYXJlbnRTdHlsZSI6eyIkcmVmIjoiMTA3In19LCJEYXRlU3R5bGUiOnsiJGlkIjoiMzkwIiwiRm9udFNldHRpbmdzIjp7IiRpZCI6IjM5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NyIsIkxpbmVDb2xvciI6bnVsbCwiTGluZVdlaWdodCI6MC4wLCJMaW5lVHlwZSI6MCwiUGFyZW50U3R5bGUiOm51bGx9LCJQYXJlbnRTdHlsZSI6eyIkcmVmIjoiODEifX0sIkR1cmF0aW9uU3R5bGUiOnsiJGlkIjoiMzk4IiwiRm9udFNldHRpbmdzIjp7IiRpZCI6IjM5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MCIsIkxpbmVDb2xvciI6bnVsbCwiTGluZVdlaWdodCI6MC4wLCJMaW5lVHlwZSI6MCwiUGFyZW50U3R5bGUiOm51bGx9LCJQYXJlbnRTdHlsZSI6eyIkcmVmIjoiODgifX0sIkhvcml6b250YWxDb25uZWN0b3JTdHlsZSI6eyIkaWQiOiI0MDEiLCJMaW5lQ29sb3IiOnsiJHJlZiI6Ijk2In0sIkxpbmVXZWlnaHQiOjEuMCwiTGluZVR5cGUiOjAsIlBhcmVudFN0eWxlIjp7IiRyZWYiOiI5NSJ9fSwiVmVydGljYWxDb25uZWN0b3JTdHlsZSI6eyIkaWQiOiI0MD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0MDMiLCJNYXJnaW4iOnsiJHJlZiI6IjEwMiJ9LCJQYWRkaW5nIjp7IiRyZWYiOiIxMDMifSwiQmFja2dyb3VuZCI6eyIkaWQiOiI0MDQiLCJDb2xvciI6eyIkaWQiOiI0MDUiLCJBIjoyNTUsIlIiOjExMiwiRyI6MTczLCJCIjo3MX19LCJJc1Zpc2libGUiOnRydWUsIldpZHRoIjowLjAsIkhlaWdodCI6MTYuMCwiQm9yZGVyU3R5bGUiOnsiJGlkIjoiNDA2IiwiTGluZUNvbG9yIjp7IiRyZWYiOiIxMDUifSwiTGluZVdlaWdodCI6MC4wLCJMaW5lVHlwZSI6MCwiUGFyZW50U3R5bGUiOnsiJHJlZiI6IjEwNCJ9fSwiUGFyZW50U3R5bGUiOnsiJHJlZiI6IjEwMSJ9fSwiVGl0bGVTdHlsZSI6eyIkaWQiOiI0MDciLCJGb250U2V0dGluZ3MiOnsiJGlkIjoiNDA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OSIsIkxpbmVDb2xvciI6bnVsbCwiTGluZVdlaWdodCI6MC4wLCJMaW5lVHlwZSI6MCwiUGFyZW50U3R5bGUiOm51bGx9LCJQYXJlbnRTdHlsZSI6eyIkcmVmIjoiMTA3In19LCJEYXRlU3R5bGUiOnsiJGlkIjoiNDEwIiwiRm9udFNldHRpbmdzIjp7IiRpZCI6IjQx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E4IiwiTGluZUNvbG9yIjpudWxsLCJMaW5lV2VpZ2h0IjowLjAsIkxpbmVUeXBlIjowLCJQYXJlbnRTdHlsZSI6bnVsbH0sIlBhcmVudFN0eWxlIjp7IiRyZWYiOiI4MSJ9fSwiRHVyYXRpb25TdHlsZSI6eyIkaWQiOiI0MTkiLCJGb250U2V0dGluZ3MiOnsiJGlkIjoiNDI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IxIiwiTGluZUNvbG9yIjpudWxsLCJMaW5lV2VpZ2h0IjowLjAsIkxpbmVUeXBlIjowLCJQYXJlbnRTdHlsZSI6bnVsbH0sIlBhcmVudFN0eWxlIjp7IiRyZWYiOiI4OCJ9fSwiSG9yaXpvbnRhbENvbm5lY3RvclN0eWxlIjp7IiRpZCI6IjQyMiIsIkxpbmVDb2xvciI6eyIkcmVmIjoiOTYifSwiTGluZVdlaWdodCI6MS4wLCJMaW5lVHlwZSI6MCwiUGFyZW50U3R5bGUiOnsiJHJlZiI6Ijk1In19LCJWZXJ0aWNhbENvbm5lY3RvclN0eWxlIjp7IiRpZCI6IjQyM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QyNCIsIk1hcmdpbiI6eyIkcmVmIjoiMTAyIn0sIlBhZGRpbmciOnsiJHJlZiI6IjEwMyJ9LCJCYWNrZ3JvdW5kIjp7IiRpZCI6IjQyNSIsIkNvbG9yIjp7IiRpZCI6IjQyNiIsIkEiOjI1NSwiUiI6MjU1LCJHIjoxOTIsIkIiOjB9fSwiSXNWaXNpYmxlIjp0cnVlLCJXaWR0aCI6MC4wLCJIZWlnaHQiOjE2LjAsIkJvcmRlclN0eWxlIjp7IiRpZCI6IjQyNyIsIkxpbmVDb2xvciI6eyIkcmVmIjoiMTA1In0sIkxpbmVXZWlnaHQiOjAuMCwiTGluZVR5cGUiOjAsIlBhcmVudFN0eWxlIjp7IiRyZWYiOiIxMDQifX0sIlBhcmVudFN0eWxlIjp7IiRyZWYiOiIxMDEifX0sIlRpdGxlU3R5bGUiOnsiJGlkIjoiNDI4IiwiRm9udFNldHRpbmdzIjp7IiRpZCI6IjQyO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AiLCJMaW5lQ29sb3IiOm51bGwsIkxpbmVXZWlnaHQiOjAuMCwiTGluZVR5cGUiOjAsIlBhcmVudFN0eWxlIjpudWxsfSwiUGFyZW50U3R5bGUiOnsiJHJlZiI6IjEwNyJ9fSwiRGF0ZVN0eWxlIjp7IiRpZCI6IjQzMSIsIkZvbnRTZXR0aW5ncyI6eyIkaWQiOiI0Mz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14</TotalTime>
  <Words>247</Words>
  <Application>Microsoft Office PowerPoint</Application>
  <PresentationFormat>Widescreen</PresentationFormat>
  <Paragraphs>5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Belinda Godbold</dc:creator>
  <cp:lastModifiedBy>Thurston Parish Council</cp:lastModifiedBy>
  <cp:revision>33</cp:revision>
  <cp:lastPrinted>2018-12-03T15:14:49Z</cp:lastPrinted>
  <dcterms:created xsi:type="dcterms:W3CDTF">2018-10-31T18:28:15Z</dcterms:created>
  <dcterms:modified xsi:type="dcterms:W3CDTF">2019-01-31T11:37:16Z</dcterms:modified>
</cp:coreProperties>
</file>